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orinche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schermopname&#10;&#10;Automatisch gegenereerde beschrijving">
            <a:extLst>
              <a:ext uri="{FF2B5EF4-FFF2-40B4-BE49-F238E27FC236}">
                <a16:creationId xmlns:a16="http://schemas.microsoft.com/office/drawing/2014/main" id="{1F073D59-61A6-C05C-20AE-FAAD5857DD8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820768"/>
            <a:ext cx="2254418" cy="18297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EBFA3157-2E0E-4D88-D9D6-95AF01ACDC5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5428" y="4121119"/>
            <a:ext cx="1456686" cy="11822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17T13:18:49Z</dcterms:modified>
</cp:coreProperties>
</file>